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pme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1746B21-A792-F917-4205-51BB9E4D144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72802" y="4924927"/>
            <a:ext cx="1986517" cy="17441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20170217-6B7C-1B21-70D2-2D094298B28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3620" y="3577518"/>
            <a:ext cx="1986517" cy="174416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4-23T06:50:33Z</dcterms:modified>
</cp:coreProperties>
</file>